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6"/>
  <workbookPr defaultThemeVersion="166925"/>
  <mc:AlternateContent xmlns:mc="http://schemas.openxmlformats.org/markup-compatibility/2006">
    <mc:Choice Requires="x15">
      <x15ac:absPath xmlns:x15ac="http://schemas.microsoft.com/office/spreadsheetml/2010/11/ac" url="C:\Users\s00574713\Downloads\"/>
    </mc:Choice>
  </mc:AlternateContent>
  <xr:revisionPtr revIDLastSave="0" documentId="13_ncr:1_{F86F2DCB-DA81-4F8D-8076-D31496F50C9C}" xr6:coauthVersionLast="36" xr6:coauthVersionMax="47" xr10:uidLastSave="{00000000-0000-0000-0000-000000000000}"/>
  <bookViews>
    <workbookView xWindow="3030" yWindow="3030" windowWidth="28800" windowHeight="15435" xr2:uid="{DCFFEDCB-0777-4F23-9095-D5492047D000}"/>
  </bookViews>
  <sheets>
    <sheet name="TEI18_HARQ-ACK MUX on PUSCH" sheetId="3" r:id="rId1"/>
  </sheet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42">
  <si>
    <t>WI code</t>
    <phoneticPr fontId="1"/>
  </si>
  <si>
    <t>Sub-feature group</t>
    <phoneticPr fontId="1"/>
  </si>
  <si>
    <t>RAN1 specification</t>
    <phoneticPr fontId="1"/>
  </si>
  <si>
    <t>Section</t>
    <phoneticPr fontId="1"/>
  </si>
  <si>
    <t>RAN2 Parent IE</t>
  </si>
  <si>
    <t>RAN2 ASN.1 name</t>
    <phoneticPr fontId="1"/>
  </si>
  <si>
    <t>Parameter name in the spec</t>
    <phoneticPr fontId="1"/>
  </si>
  <si>
    <t>New or existing?</t>
    <phoneticPr fontId="1"/>
  </si>
  <si>
    <t>Parameter name in the text</t>
    <phoneticPr fontId="1"/>
  </si>
  <si>
    <t>Description</t>
    <phoneticPr fontId="1"/>
  </si>
  <si>
    <t>Value range</t>
    <phoneticPr fontId="1"/>
  </si>
  <si>
    <t>Default value aspect</t>
  </si>
  <si>
    <t>Per (UE, cell, TRP, …)</t>
    <phoneticPr fontId="1" type="noConversion"/>
  </si>
  <si>
    <t>Required for initial access or IDLE/INACTIVE</t>
  </si>
  <si>
    <t>Specification</t>
    <phoneticPr fontId="1"/>
  </si>
  <si>
    <t>Comment</t>
    <phoneticPr fontId="1"/>
  </si>
  <si>
    <t>TEI18</t>
  </si>
  <si>
    <t>Multiplex Type-1 HARQ-ACK codebook for PDSCH scheduling after UL grant on PUSCH</t>
  </si>
  <si>
    <t>enable-Type1-HARQ-ACK-mux-forDLassignmentafterULgrant</t>
  </si>
  <si>
    <r>
      <t xml:space="preserve">If enabled, UE multiplexes Type-1 HARQ-ACK codebook on a repetition of a PUSCH transmission other than a first repetition, where the HARQ-ACK codebook includes HARQ-ACK information associated with PDSCH reception(s) scheduled after the UL grant scheduling the PUSCH transmission. See clause 9 in TS 38.213 [13]. </t>
    </r>
    <r>
      <rPr>
        <sz val="9"/>
        <color rgb="FF0000FF"/>
        <rFont val="Arial"/>
        <family val="2"/>
      </rPr>
      <t>This feautre is not simultanously  enabled with PUCCH cell switching.</t>
    </r>
  </si>
  <si>
    <t>{enabled}</t>
  </si>
  <si>
    <t>Per UE</t>
  </si>
  <si>
    <r>
      <rPr>
        <b/>
        <sz val="9"/>
        <color rgb="FF0000FF"/>
        <rFont val="Arial"/>
        <family val="2"/>
      </rPr>
      <t xml:space="preserve">Agreement:
Update the previous agreement made RAN1#113 as following,
</t>
    </r>
    <r>
      <rPr>
        <b/>
        <sz val="9"/>
        <rFont val="Arial"/>
        <family val="2"/>
      </rPr>
      <t>Agreement</t>
    </r>
    <r>
      <rPr>
        <sz val="9"/>
        <rFont val="Arial"/>
        <family val="2"/>
      </rPr>
      <t xml:space="preserve">
If UCI multiplexing of different priorities is not enabled, the restriction on scheduling PDSCH after UL grant is removed for the case of PUSCH with repetitions except the first repetition
	UE generates Type-1 HARQ-ACK codebook according to the existing specification with the modification of setting the actual ‘ACK/NACK’ value corresponding to PDSCH(s) scheduled after the UL grant.
	UE generates Type-2/3 HARQ-ACK codebook according to the existing specification.
	For Type-2 CB, UL DAI is used for generating HARQ CB.
	This feature is subject to separate UE capabilities for type-1, type-2, and type-3 codebooks. 
	RRC parameter(s) to configure the function of scheduling PDSCH after a UL DCI format and multiplexing associated HARQ on a PUSCH repetition except the first repetition are introduced in Rel-18.
	Note: the number of PUSCH repetitions can be scheduled/configured by gNB.
	Note: same principle of current specification which UL DAI in UL grant is applied to each PUSCH repetition is reused.
	The timeline specified in TS 38.213 Clause </t>
    </r>
    <r>
      <rPr>
        <sz val="9"/>
        <color rgb="FF0000FF"/>
        <rFont val="Arial"/>
        <family val="2"/>
      </rPr>
      <t xml:space="preserve">9.2.3 and </t>
    </r>
    <r>
      <rPr>
        <sz val="9"/>
        <rFont val="Arial"/>
        <family val="2"/>
      </rPr>
      <t xml:space="preserve">9.2.5 are satisfied, i.e. T_(proc,1)^muxbetween the last PDSCH and PUCCH, T_(proc,2)^mux between the last PDCCH among UL grant /DL grant(s) and the earliest PUCCH or PUSCH  
	Additional UE capabilities are introduced to support the following functions (UE will be configured by gNB to use the following features via RRC)
	HARQ-ACK codebook size change on a PUCCH slot
	PUCCH </t>
    </r>
    <r>
      <rPr>
        <sz val="9"/>
        <color rgb="FF0000FF"/>
        <rFont val="Arial"/>
        <family val="2"/>
      </rPr>
      <t>time domain</t>
    </r>
    <r>
      <rPr>
        <sz val="9"/>
        <rFont val="Arial"/>
        <family val="2"/>
      </rPr>
      <t xml:space="preserve"> resource change on a PUCCH slot
</t>
    </r>
    <r>
      <rPr>
        <sz val="9"/>
        <color rgb="FF0000FF"/>
        <rFont val="Arial"/>
        <family val="2"/>
      </rPr>
      <t>The above feature cannot be simultaneously enabled with PUCCH carrier switching.</t>
    </r>
  </si>
  <si>
    <t>Multiplex Type-2 HARQ-ACK codebook for PDSCH scheduling after UL grant on PUSCH</t>
  </si>
  <si>
    <t>enable-Type2-HARQ-ACK-mux-forDLassignmentafterULgrant</t>
  </si>
  <si>
    <r>
      <t xml:space="preserve">If enabled, UE multiplexes Type-2 HARQ-ACK codebook on a repetition of a PUSCH transmission other than a first repetition, where the HARQ-ACK codebook includes HARQ-ACK information associated with PDSCH reception(s) scheduled after the UL grant scheduling the PUSCH transmission. See clause 9 in TS 38.213 [13]. </t>
    </r>
    <r>
      <rPr>
        <sz val="9"/>
        <color rgb="FF0000FF"/>
        <rFont val="Arial"/>
        <family val="2"/>
      </rPr>
      <t>This feautre is not simultanously  enabled with PUCCH cell switching.</t>
    </r>
  </si>
  <si>
    <t>same as above</t>
  </si>
  <si>
    <t>Multiplex Type-3 HARQ-ACK codebook for PDSCH scheduling after UL grant on PUSCH</t>
  </si>
  <si>
    <t>enable-Type3-HARQ-ACK-mux-forDLassignmentafterULgrant</t>
  </si>
  <si>
    <r>
      <t xml:space="preserve">If enabled, UE multiplexes Type-3 HARQ-ACK codebook on a repetition of a PUSCH transmission other than a first repetition, where the HARQ-ACK codebook includes HARQ-ACK information associated with PDSCH reception(s) scheduled after the UL grant scheduling the PUSCH transmission. See clause 9 in TS 38.213 [13]. </t>
    </r>
    <r>
      <rPr>
        <sz val="9"/>
        <color rgb="FF0000FF"/>
        <rFont val="Arial"/>
        <family val="2"/>
      </rPr>
      <t>This feautre is not simultanously  enabled with PUCCH cell switching.</t>
    </r>
  </si>
  <si>
    <t>Determining a different PUCCH resource to transmit HARQ-ACK for PDSCH scheduled after UL grant</t>
  </si>
  <si>
    <t>enable-different-PUCCHresource</t>
  </si>
  <si>
    <t>Indicate whether a different PUCCH resource in a slot from the PUCCH resource indicated by the last DCI format before a UL grant in the slot, is determined or not to include HARQ-ACK information associated with PDSCH reception(s) scheduled after a UL grant scheduling a PUSCH transmission with repetitions and the HARQ-ACK information are multiplexed on a repetition of the PUSCH transmission other than a first repetition in the same slot. If enabled, a different PUCCH resource might be determined. See clause 9 in TS 38.213 [13]. See clause 9 in TS 38.213 [13].</t>
  </si>
  <si>
    <t>Determining different codebook size to transmit HARQ-ACK for PDSCH scheduled after UL grant</t>
  </si>
  <si>
    <t>enable-different-CBsize</t>
  </si>
  <si>
    <t>Indicate whether a different codebook size from the size determined based on HARQ-ACK information associated with PDSCH reception(s) scheduled before a UL grant, is determined or not to include HARQ-ACK information associated with PDSCH reception(s) scheduled after a UL grant scheduling a PUSCH transmission with repetitions and the HARQ-ACK information are multiplexed on a repetition of the PUSCH transmission other than a first repetition. If enabled, a different HARQ codebook size might be determined. See clause 9 in TS 38.213 [13].</t>
  </si>
  <si>
    <t>enableType1HARQ-ACK-MuxForDL-AssignmentAfterUL-Grant-r18</t>
    <phoneticPr fontId="3" type="noConversion"/>
  </si>
  <si>
    <t>PhysicalCellGroupConfig</t>
    <phoneticPr fontId="3" type="noConversion"/>
  </si>
  <si>
    <t>enableType2HARQ-ACK-MuxForDL-AssignmentAfterUL-Grant-r18</t>
    <phoneticPr fontId="3" type="noConversion"/>
  </si>
  <si>
    <t>enableType3HARQ-ACK-MuxForDL-AssignmentAfterUL-Grant-r18</t>
    <phoneticPr fontId="3" type="noConversion"/>
  </si>
  <si>
    <t>enableDiffPUCCH-Resource-r18</t>
    <phoneticPr fontId="3" type="noConversion"/>
  </si>
  <si>
    <t>enableDiffCB-Size-r18</t>
    <phoneticPr fontId="3" type="noConversion"/>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等线"/>
      <family val="2"/>
      <scheme val="minor"/>
    </font>
    <font>
      <sz val="11"/>
      <color theme="1"/>
      <name val="等线"/>
      <family val="2"/>
      <charset val="129"/>
      <scheme val="minor"/>
    </font>
    <font>
      <b/>
      <sz val="10"/>
      <color theme="0"/>
      <name val="Arial"/>
      <family val="2"/>
    </font>
    <font>
      <sz val="9"/>
      <name val="等线"/>
      <family val="3"/>
      <charset val="134"/>
      <scheme val="minor"/>
    </font>
    <font>
      <sz val="9"/>
      <name val="Arial"/>
      <family val="2"/>
    </font>
    <font>
      <sz val="9"/>
      <color rgb="FF0000FF"/>
      <name val="Arial"/>
      <family val="2"/>
    </font>
    <font>
      <b/>
      <sz val="9"/>
      <color rgb="FF0000FF"/>
      <name val="Arial"/>
      <family val="2"/>
    </font>
    <font>
      <b/>
      <sz val="9"/>
      <name val="Arial"/>
      <family val="2"/>
    </font>
  </fonts>
  <fills count="5">
    <fill>
      <patternFill patternType="none"/>
    </fill>
    <fill>
      <patternFill patternType="gray125"/>
    </fill>
    <fill>
      <patternFill patternType="solid">
        <fgColor rgb="FF00B0F0"/>
        <bgColor indexed="64"/>
      </patternFill>
    </fill>
    <fill>
      <patternFill patternType="solid">
        <fgColor theme="0" tint="-0.14999847407452621"/>
        <bgColor indexed="64"/>
      </patternFill>
    </fill>
    <fill>
      <patternFill patternType="solid">
        <fgColor rgb="FFFFFF00"/>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s>
  <cellStyleXfs count="2">
    <xf numFmtId="0" fontId="0" fillId="0" borderId="0"/>
    <xf numFmtId="0" fontId="1" fillId="0" borderId="0"/>
  </cellStyleXfs>
  <cellXfs count="13">
    <xf numFmtId="0" fontId="0" fillId="0" borderId="0" xfId="0"/>
    <xf numFmtId="49" fontId="2" fillId="2" borderId="1" xfId="0" applyNumberFormat="1" applyFont="1" applyFill="1" applyBorder="1" applyAlignment="1">
      <alignment horizontal="left" vertical="center" wrapText="1"/>
    </xf>
    <xf numFmtId="49" fontId="2" fillId="2" borderId="2" xfId="0" applyNumberFormat="1" applyFont="1" applyFill="1" applyBorder="1" applyAlignment="1">
      <alignment horizontal="left" vertical="center" wrapText="1"/>
    </xf>
    <xf numFmtId="49" fontId="2" fillId="0" borderId="3" xfId="0" applyNumberFormat="1" applyFont="1" applyFill="1" applyBorder="1" applyAlignment="1">
      <alignment horizontal="left" vertical="center" wrapText="1"/>
    </xf>
    <xf numFmtId="0" fontId="4" fillId="0" borderId="4" xfId="0" applyFont="1" applyBorder="1" applyAlignment="1">
      <alignment vertical="center" wrapText="1"/>
    </xf>
    <xf numFmtId="0" fontId="4" fillId="0" borderId="5" xfId="0" applyFont="1" applyBorder="1" applyAlignment="1">
      <alignment vertical="center" wrapText="1"/>
    </xf>
    <xf numFmtId="0" fontId="4" fillId="0" borderId="3" xfId="0" applyFont="1" applyFill="1" applyBorder="1" applyAlignment="1">
      <alignment horizontal="left" vertical="center"/>
    </xf>
    <xf numFmtId="0" fontId="4" fillId="0" borderId="1" xfId="0" applyFont="1" applyBorder="1" applyAlignment="1">
      <alignment vertical="center" wrapText="1"/>
    </xf>
    <xf numFmtId="0" fontId="4" fillId="0" borderId="2" xfId="0" applyFont="1" applyBorder="1" applyAlignment="1">
      <alignment vertical="center" wrapText="1"/>
    </xf>
    <xf numFmtId="0" fontId="4" fillId="3" borderId="4" xfId="0" applyFont="1" applyFill="1" applyBorder="1" applyAlignment="1">
      <alignment vertical="center" wrapText="1"/>
    </xf>
    <xf numFmtId="0" fontId="4" fillId="3" borderId="1" xfId="0" applyFont="1" applyFill="1" applyBorder="1" applyAlignment="1">
      <alignment vertical="center" wrapText="1"/>
    </xf>
    <xf numFmtId="0" fontId="4" fillId="4" borderId="4" xfId="0" applyFont="1" applyFill="1" applyBorder="1" applyAlignment="1">
      <alignment vertical="center" wrapText="1"/>
    </xf>
    <xf numFmtId="0" fontId="4" fillId="4" borderId="1" xfId="0" applyFont="1" applyFill="1" applyBorder="1" applyAlignment="1">
      <alignment vertical="center" wrapText="1"/>
    </xf>
  </cellXfs>
  <cellStyles count="2">
    <cellStyle name="Normal 2" xfId="1" xr:uid="{3B8BB5DE-854F-42DC-ADDC-5DAC2A56271F}"/>
    <cellStyle name="常规" xfId="0" builtinId="0"/>
  </cellStyles>
  <dxfs count="1">
    <dxf>
      <fill>
        <patternFill>
          <bgColor rgb="FFFFFF99"/>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3E58F4-ABB4-4B3D-8766-E71431494AAA}">
  <dimension ref="A1:R6"/>
  <sheetViews>
    <sheetView tabSelected="1" workbookViewId="0">
      <selection activeCell="G2" sqref="G2"/>
    </sheetView>
  </sheetViews>
  <sheetFormatPr defaultRowHeight="14.25" x14ac:dyDescent="0.2"/>
  <cols>
    <col min="1" max="1" width="10.75" customWidth="1"/>
    <col min="2" max="3" width="12.75" customWidth="1"/>
    <col min="6" max="7" width="16.75" customWidth="1"/>
    <col min="8" max="8" width="10.75" customWidth="1"/>
    <col min="9" max="9" width="16.75" customWidth="1"/>
    <col min="10" max="10" width="60.75" customWidth="1"/>
    <col min="11" max="11" width="16.75" customWidth="1"/>
    <col min="12" max="13" width="12.75" customWidth="1"/>
    <col min="14" max="14" width="16.75" customWidth="1"/>
    <col min="15" max="15" width="12.75" customWidth="1"/>
    <col min="16" max="16" width="48.75" customWidth="1"/>
  </cols>
  <sheetData>
    <row r="1" spans="1:18" ht="38.25" x14ac:dyDescent="0.2">
      <c r="A1" s="1" t="s">
        <v>0</v>
      </c>
      <c r="B1" s="1" t="s">
        <v>1</v>
      </c>
      <c r="C1" s="1" t="s">
        <v>2</v>
      </c>
      <c r="D1" s="1" t="s">
        <v>3</v>
      </c>
      <c r="E1" s="1" t="s">
        <v>4</v>
      </c>
      <c r="F1" s="1" t="s">
        <v>5</v>
      </c>
      <c r="G1" s="1" t="s">
        <v>6</v>
      </c>
      <c r="H1" s="1" t="s">
        <v>7</v>
      </c>
      <c r="I1" s="1" t="s">
        <v>8</v>
      </c>
      <c r="J1" s="1" t="s">
        <v>9</v>
      </c>
      <c r="K1" s="1" t="s">
        <v>10</v>
      </c>
      <c r="L1" s="1" t="s">
        <v>11</v>
      </c>
      <c r="M1" s="1" t="s">
        <v>12</v>
      </c>
      <c r="N1" s="1" t="s">
        <v>13</v>
      </c>
      <c r="O1" s="1" t="s">
        <v>14</v>
      </c>
      <c r="P1" s="2" t="s">
        <v>15</v>
      </c>
      <c r="R1" s="3"/>
    </row>
    <row r="2" spans="1:18" ht="384" x14ac:dyDescent="0.2">
      <c r="A2" s="4" t="s">
        <v>16</v>
      </c>
      <c r="B2" s="4" t="s">
        <v>17</v>
      </c>
      <c r="C2" s="4">
        <v>38.213000000000001</v>
      </c>
      <c r="D2" s="4"/>
      <c r="E2" s="11" t="s">
        <v>37</v>
      </c>
      <c r="F2" s="9" t="s">
        <v>36</v>
      </c>
      <c r="G2" s="4"/>
      <c r="H2" s="4"/>
      <c r="I2" s="9" t="s">
        <v>18</v>
      </c>
      <c r="J2" s="4" t="s">
        <v>19</v>
      </c>
      <c r="K2" s="4" t="s">
        <v>20</v>
      </c>
      <c r="L2" s="4"/>
      <c r="M2" s="4" t="s">
        <v>21</v>
      </c>
      <c r="N2" s="4"/>
      <c r="O2" s="4">
        <v>38.331000000000003</v>
      </c>
      <c r="P2" s="5" t="s">
        <v>22</v>
      </c>
      <c r="R2" s="6"/>
    </row>
    <row r="3" spans="1:18" ht="84" x14ac:dyDescent="0.2">
      <c r="A3" s="4" t="s">
        <v>16</v>
      </c>
      <c r="B3" s="4" t="s">
        <v>23</v>
      </c>
      <c r="C3" s="4">
        <v>38.213000000000001</v>
      </c>
      <c r="D3" s="4"/>
      <c r="E3" s="11" t="s">
        <v>37</v>
      </c>
      <c r="F3" s="9" t="s">
        <v>38</v>
      </c>
      <c r="G3" s="4"/>
      <c r="H3" s="4"/>
      <c r="I3" s="9" t="s">
        <v>24</v>
      </c>
      <c r="J3" s="4" t="s">
        <v>25</v>
      </c>
      <c r="K3" s="4" t="s">
        <v>20</v>
      </c>
      <c r="L3" s="4"/>
      <c r="M3" s="4" t="s">
        <v>21</v>
      </c>
      <c r="N3" s="4"/>
      <c r="O3" s="4">
        <v>38.331000000000003</v>
      </c>
      <c r="P3" s="5" t="s">
        <v>26</v>
      </c>
      <c r="R3" s="6"/>
    </row>
    <row r="4" spans="1:18" ht="84" x14ac:dyDescent="0.2">
      <c r="A4" s="4" t="s">
        <v>16</v>
      </c>
      <c r="B4" s="4" t="s">
        <v>27</v>
      </c>
      <c r="C4" s="4">
        <v>38.213000000000001</v>
      </c>
      <c r="D4" s="4"/>
      <c r="E4" s="11" t="s">
        <v>37</v>
      </c>
      <c r="F4" s="9" t="s">
        <v>39</v>
      </c>
      <c r="G4" s="4"/>
      <c r="H4" s="4"/>
      <c r="I4" s="9" t="s">
        <v>28</v>
      </c>
      <c r="J4" s="4" t="s">
        <v>29</v>
      </c>
      <c r="K4" s="4" t="s">
        <v>20</v>
      </c>
      <c r="L4" s="4"/>
      <c r="M4" s="4" t="s">
        <v>21</v>
      </c>
      <c r="N4" s="4"/>
      <c r="O4" s="4">
        <v>38.331000000000003</v>
      </c>
      <c r="P4" s="5" t="s">
        <v>26</v>
      </c>
      <c r="R4" s="6"/>
    </row>
    <row r="5" spans="1:18" ht="84" x14ac:dyDescent="0.2">
      <c r="A5" s="4" t="s">
        <v>16</v>
      </c>
      <c r="B5" s="4" t="s">
        <v>30</v>
      </c>
      <c r="C5" s="4">
        <v>38.213000000000001</v>
      </c>
      <c r="D5" s="4"/>
      <c r="E5" s="11" t="s">
        <v>37</v>
      </c>
      <c r="F5" s="9" t="s">
        <v>40</v>
      </c>
      <c r="G5" s="4"/>
      <c r="H5" s="4"/>
      <c r="I5" s="9" t="s">
        <v>31</v>
      </c>
      <c r="J5" s="4" t="s">
        <v>32</v>
      </c>
      <c r="K5" s="4" t="s">
        <v>20</v>
      </c>
      <c r="L5" s="4"/>
      <c r="M5" s="4" t="s">
        <v>21</v>
      </c>
      <c r="N5" s="4"/>
      <c r="O5" s="4">
        <v>38.331000000000003</v>
      </c>
      <c r="P5" s="5" t="s">
        <v>26</v>
      </c>
      <c r="R5" s="6"/>
    </row>
    <row r="6" spans="1:18" ht="84" x14ac:dyDescent="0.2">
      <c r="A6" s="7" t="s">
        <v>16</v>
      </c>
      <c r="B6" s="7" t="s">
        <v>33</v>
      </c>
      <c r="C6" s="7">
        <v>38.213000000000001</v>
      </c>
      <c r="D6" s="7"/>
      <c r="E6" s="12" t="s">
        <v>37</v>
      </c>
      <c r="F6" s="10" t="s">
        <v>41</v>
      </c>
      <c r="G6" s="7"/>
      <c r="H6" s="7"/>
      <c r="I6" s="10" t="s">
        <v>34</v>
      </c>
      <c r="J6" s="7" t="s">
        <v>35</v>
      </c>
      <c r="K6" s="7" t="s">
        <v>20</v>
      </c>
      <c r="L6" s="7"/>
      <c r="M6" s="7" t="s">
        <v>21</v>
      </c>
      <c r="N6" s="7"/>
      <c r="O6" s="7">
        <v>38.331000000000003</v>
      </c>
      <c r="P6" s="8" t="s">
        <v>26</v>
      </c>
      <c r="R6" s="6"/>
    </row>
  </sheetData>
  <phoneticPr fontId="3" type="noConversion"/>
  <conditionalFormatting sqref="M1">
    <cfRule type="expression" dxfId="0" priority="1">
      <formula>#REF!="Capability"</formula>
    </cfRule>
  </conditionalFormatting>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TEI18_HARQ-ACK MUX on PUSCH</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åkan</dc:creator>
  <cp:lastModifiedBy>Huawei, HiSilicon-Tong</cp:lastModifiedBy>
  <dcterms:created xsi:type="dcterms:W3CDTF">2024-03-04T10:59:48Z</dcterms:created>
  <dcterms:modified xsi:type="dcterms:W3CDTF">2024-03-05T01:36: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VkuQwuTn+LeJvNLkuAofpkDdVvo8PfafE9FEfQF2Roaouact/nGZjvX/GjQVlWmx4wQ8iHrU
ipdQRsVUcARXrshyt0StfjBZ7Tc1joPVRQHfKToVc8WCJaP6Hv5oyJKuT4sQNA3NU27nMQBP
J2JLNLHxY8rR0BfnXJRkZu46/Lg/yCAegA2R2CRCrsrqm6XnGchr/yloqHFfKIlxXZuSEML+
ApbrSsvEz2H4NPbzcq</vt:lpwstr>
  </property>
  <property fmtid="{D5CDD505-2E9C-101B-9397-08002B2CF9AE}" pid="3" name="_2015_ms_pID_7253431">
    <vt:lpwstr>iXBI5fs4TXQJ0DVmE/DUo6gIoBPXQPh7DBwK+7PHu6yeeOjd4pGWUi
IwkUJnWHvJC45g7lMNi9R390V3IRUYigO93culEETe8VPQSCduC12z7cIFH6ycjiRYrQ4FEe
mewFZkSbBtXT6WO4Z8XhLR0nNDKHKmygMXvvAk/yMP0uk8YBzosjKKSjNBxTkXLnR9gCxA56
RVe7OmwaJf61jeIFgjlbVR3I7kv7F2QyB3qk</vt:lpwstr>
  </property>
  <property fmtid="{D5CDD505-2E9C-101B-9397-08002B2CF9AE}" pid="4" name="_2015_ms_pID_7253432">
    <vt:lpwstr>AA==</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708571244</vt:lpwstr>
  </property>
</Properties>
</file>